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9A4B9759-C563-44DA-B387-E5F434E7202C}" xr6:coauthVersionLast="47" xr6:coauthVersionMax="47" xr10:uidLastSave="{00000000-0000-0000-0000-000000000000}"/>
  <bookViews>
    <workbookView xWindow="-98" yWindow="-98" windowWidth="20715" windowHeight="13155" xr2:uid="{50CE79E3-029A-4C74-9371-834F28C83E97}"/>
  </bookViews>
  <sheets>
    <sheet name="33" sheetId="1" r:id="rId1"/>
  </sheets>
  <definedNames>
    <definedName name="_xlnm._FilterDatabase" localSheetId="0" hidden="1">'33'!$I$8:$O$19</definedName>
    <definedName name="_xlnm.Print_Area" localSheetId="0">'33'!$A$1:$X$66</definedName>
    <definedName name="_xlnm.Print_Titles" localSheetId="0">'33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80" uniqueCount="61">
  <si>
    <t>大久保新町・下大久保若葉台・中大久保・塩・神通・下大久保4～6区・若草町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不燃</t>
  </si>
  <si>
    <t>びん缶　</t>
  </si>
  <si>
    <t>プラﾍﾟｯﾄ</t>
  </si>
  <si>
    <t>プラ
ﾍﾟｯﾄ</t>
    <phoneticPr fontId="2"/>
  </si>
  <si>
    <t>可燃</t>
    <phoneticPr fontId="2"/>
  </si>
  <si>
    <t>紙</t>
  </si>
  <si>
    <t>不燃</t>
    <phoneticPr fontId="2"/>
  </si>
  <si>
    <t>土</t>
  </si>
  <si>
    <t>金</t>
  </si>
  <si>
    <t>木</t>
  </si>
  <si>
    <t>水</t>
  </si>
  <si>
    <t>火</t>
  </si>
  <si>
    <t>月</t>
  </si>
  <si>
    <t>日</t>
  </si>
  <si>
    <t>日</t>
    <rPh sb="0" eb="1">
      <t>ニチ</t>
    </rPh>
    <phoneticPr fontId="2"/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びん缶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（紙）</t>
    <rPh sb="0" eb="1">
      <t>カミ</t>
    </rPh>
    <rPh sb="2" eb="3">
      <t>タグイ</t>
    </rPh>
    <rPh sb="6" eb="7">
      <t>カミ</t>
    </rPh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月</t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9"/>
        <rFont val="HGSｺﾞｼｯｸM"/>
        <family val="3"/>
        <charset val="128"/>
      </rPr>
      <t>ラスチック資源　(プラ）</t>
    </r>
    <r>
      <rPr>
        <b/>
        <sz val="14"/>
        <rFont val="HGSｺﾞｼｯｸM"/>
        <family val="3"/>
        <charset val="128"/>
      </rPr>
      <t xml:space="preserve">
</t>
    </r>
    <r>
      <rPr>
        <b/>
        <sz val="10"/>
        <rFont val="HGSｺﾞｼｯｸM"/>
        <family val="3"/>
        <charset val="128"/>
      </rPr>
      <t>ペットボトル（ペット）</t>
    </r>
    <rPh sb="6" eb="8">
      <t>シゲン</t>
    </rPh>
    <phoneticPr fontId="2"/>
  </si>
  <si>
    <t>木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5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HGSｺﾞｼｯｸM"/>
      <family val="3"/>
      <charset val="128"/>
    </font>
    <font>
      <b/>
      <sz val="1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5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5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8" fillId="2" borderId="12" xfId="0" applyFont="1" applyFill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top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9" fillId="2" borderId="0" xfId="0" applyFont="1" applyFill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1" fillId="0" borderId="0" xfId="0" applyFont="1" applyAlignment="1">
      <alignment vertical="top" wrapText="1"/>
    </xf>
    <xf numFmtId="0" fontId="22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8" fillId="2" borderId="9" xfId="0" applyFont="1" applyFill="1" applyBorder="1" applyAlignment="1">
      <alignment horizontal="center" vertical="top" wrapText="1"/>
    </xf>
    <xf numFmtId="0" fontId="6" fillId="2" borderId="30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7" fillId="2" borderId="6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17" fillId="0" borderId="18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2" borderId="6" xfId="0" applyFont="1" applyFill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2" borderId="0" xfId="0" applyFont="1" applyFill="1" applyAlignment="1">
      <alignment horizontal="center" vertical="center"/>
    </xf>
    <xf numFmtId="0" fontId="19" fillId="2" borderId="5" xfId="0" applyFont="1" applyFill="1" applyBorder="1" applyAlignment="1">
      <alignment vertical="center"/>
    </xf>
    <xf numFmtId="0" fontId="25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5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6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6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2" fillId="0" borderId="36" xfId="0" applyFont="1" applyBorder="1" applyAlignment="1">
      <alignment horizontal="left" vertical="center"/>
    </xf>
    <xf numFmtId="0" fontId="22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2" fillId="0" borderId="36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4" fillId="0" borderId="0" xfId="0" applyFont="1" applyAlignment="1">
      <alignment horizontal="left" vertical="center"/>
    </xf>
    <xf numFmtId="0" fontId="32" fillId="0" borderId="0" xfId="0" applyFont="1" applyAlignment="1">
      <alignment horizontal="center" vertical="center" wrapText="1"/>
    </xf>
    <xf numFmtId="0" fontId="32" fillId="0" borderId="0" xfId="0" applyFont="1" applyAlignment="1">
      <alignment horizontal="center" vertical="center"/>
    </xf>
    <xf numFmtId="0" fontId="29" fillId="0" borderId="0" xfId="0" applyFont="1" applyAlignment="1">
      <alignment horizontal="left" vertical="center" wrapText="1"/>
    </xf>
    <xf numFmtId="57" fontId="6" fillId="0" borderId="0" xfId="0" applyNumberFormat="1" applyFont="1" applyAlignment="1">
      <alignment horizontal="center" vertical="center" wrapText="1"/>
    </xf>
    <xf numFmtId="0" fontId="22" fillId="0" borderId="37" xfId="0" applyFont="1" applyBorder="1" applyAlignment="1">
      <alignment horizontal="left" vertical="center" wrapText="1" shrinkToFit="1"/>
    </xf>
    <xf numFmtId="0" fontId="22" fillId="0" borderId="36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right" vertical="center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6" fillId="0" borderId="35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/>
    </xf>
    <xf numFmtId="0" fontId="22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4" fillId="0" borderId="37" xfId="0" applyFont="1" applyBorder="1" applyAlignment="1">
      <alignment horizontal="left" vertical="center" wrapText="1"/>
    </xf>
    <xf numFmtId="0" fontId="27" fillId="0" borderId="37" xfId="0" applyFont="1" applyBorder="1" applyAlignment="1">
      <alignment horizontal="left" vertical="center" wrapText="1" shrinkToFit="1"/>
    </xf>
    <xf numFmtId="0" fontId="19" fillId="2" borderId="26" xfId="0" applyFont="1" applyFill="1" applyBorder="1" applyAlignment="1">
      <alignment horizontal="center" vertical="center"/>
    </xf>
    <xf numFmtId="0" fontId="19" fillId="2" borderId="25" xfId="0" applyFont="1" applyFill="1" applyBorder="1" applyAlignment="1">
      <alignment horizontal="center" vertical="center"/>
    </xf>
    <xf numFmtId="0" fontId="19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9" fillId="0" borderId="29" xfId="0" applyFont="1" applyBorder="1" applyAlignment="1">
      <alignment horizontal="center" vertical="center" wrapText="1"/>
    </xf>
    <xf numFmtId="0" fontId="19" fillId="0" borderId="28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 wrapText="1"/>
    </xf>
    <xf numFmtId="0" fontId="19" fillId="0" borderId="26" xfId="0" applyFont="1" applyBorder="1" applyAlignment="1">
      <alignment horizontal="center" vertical="center" wrapText="1"/>
    </xf>
    <xf numFmtId="0" fontId="19" fillId="0" borderId="25" xfId="0" applyFont="1" applyBorder="1" applyAlignment="1">
      <alignment horizontal="center" vertical="center" wrapText="1"/>
    </xf>
    <xf numFmtId="0" fontId="19" fillId="0" borderId="24" xfId="0" applyFont="1" applyBorder="1" applyAlignment="1">
      <alignment horizontal="center" vertical="center" wrapText="1"/>
    </xf>
    <xf numFmtId="57" fontId="6" fillId="2" borderId="0" xfId="0" applyNumberFormat="1" applyFont="1" applyFill="1" applyAlignment="1">
      <alignment horizontal="center" wrapText="1"/>
    </xf>
    <xf numFmtId="57" fontId="6" fillId="0" borderId="0" xfId="0" applyNumberFormat="1" applyFont="1" applyAlignment="1">
      <alignment horizontal="center" wrapText="1"/>
    </xf>
    <xf numFmtId="0" fontId="19" fillId="2" borderId="26" xfId="0" applyFont="1" applyFill="1" applyBorder="1" applyAlignment="1">
      <alignment horizontal="center" vertical="center" wrapText="1"/>
    </xf>
    <xf numFmtId="0" fontId="19" fillId="2" borderId="25" xfId="0" applyFont="1" applyFill="1" applyBorder="1" applyAlignment="1">
      <alignment horizontal="center" vertical="center" wrapText="1"/>
    </xf>
    <xf numFmtId="0" fontId="19" fillId="2" borderId="24" xfId="0" applyFont="1" applyFill="1" applyBorder="1" applyAlignment="1">
      <alignment horizontal="center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8105</xdr:colOff>
      <xdr:row>34</xdr:row>
      <xdr:rowOff>285749</xdr:rowOff>
    </xdr:from>
    <xdr:to>
      <xdr:col>7</xdr:col>
      <xdr:colOff>400045</xdr:colOff>
      <xdr:row>34</xdr:row>
      <xdr:rowOff>1160173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B2C07DD0-B7BD-4DF7-97D5-FC72253ADD15}"/>
            </a:ext>
          </a:extLst>
        </xdr:cNvPr>
        <xdr:cNvSpPr txBox="1">
          <a:spLocks noChangeArrowheads="1"/>
        </xdr:cNvSpPr>
      </xdr:nvSpPr>
      <xdr:spPr bwMode="auto">
        <a:xfrm>
          <a:off x="78105" y="9601199"/>
          <a:ext cx="4822503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38100</xdr:colOff>
      <xdr:row>64</xdr:row>
      <xdr:rowOff>305753</xdr:rowOff>
    </xdr:from>
    <xdr:to>
      <xdr:col>7</xdr:col>
      <xdr:colOff>360042</xdr:colOff>
      <xdr:row>64</xdr:row>
      <xdr:rowOff>1161137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0589A830-B30B-480B-8A35-52550F627862}"/>
            </a:ext>
          </a:extLst>
        </xdr:cNvPr>
        <xdr:cNvSpPr txBox="1">
          <a:spLocks noChangeArrowheads="1"/>
        </xdr:cNvSpPr>
      </xdr:nvSpPr>
      <xdr:spPr bwMode="auto">
        <a:xfrm>
          <a:off x="38100" y="18241328"/>
          <a:ext cx="4822505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29CFEF-B012-4B7A-B585-A779341DE810}">
  <sheetPr codeName="Sheet11"/>
  <dimension ref="A1:AH110"/>
  <sheetViews>
    <sheetView showZeros="0" tabSelected="1" view="pageBreakPreview" zoomScale="50" zoomScaleNormal="75" zoomScaleSheetLayoutView="50" workbookViewId="0">
      <selection activeCell="AH8" sqref="AH8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 bestFit="1" customWidth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25">
      <c r="A1" s="114" t="s">
        <v>60</v>
      </c>
      <c r="B1" s="115"/>
      <c r="C1" s="115"/>
      <c r="D1" s="116" t="s">
        <v>59</v>
      </c>
      <c r="E1" s="116"/>
      <c r="F1" s="116"/>
      <c r="G1" s="116"/>
      <c r="H1" s="116"/>
      <c r="I1" s="116"/>
      <c r="J1" s="116"/>
      <c r="K1" s="116"/>
      <c r="L1" s="116"/>
      <c r="M1" s="116"/>
      <c r="N1" s="116"/>
      <c r="O1" s="117" t="s">
        <v>0</v>
      </c>
      <c r="P1" s="117"/>
      <c r="Q1" s="117"/>
      <c r="R1" s="117"/>
      <c r="S1" s="117"/>
      <c r="T1" s="117"/>
      <c r="U1" s="117"/>
      <c r="V1" s="117"/>
      <c r="W1" s="112">
        <v>33</v>
      </c>
    </row>
    <row r="2" spans="1:26" ht="35.1" customHeight="1" x14ac:dyDescent="0.25">
      <c r="A2" s="110"/>
      <c r="B2" s="118" t="s">
        <v>58</v>
      </c>
      <c r="C2" s="119"/>
      <c r="D2" s="119"/>
      <c r="E2" s="120" t="s">
        <v>57</v>
      </c>
      <c r="F2" s="120"/>
      <c r="G2" s="121" t="s">
        <v>56</v>
      </c>
      <c r="H2" s="121"/>
      <c r="I2" s="121"/>
      <c r="J2" s="111" t="s">
        <v>39</v>
      </c>
      <c r="K2" s="110"/>
      <c r="L2" s="106" t="s">
        <v>55</v>
      </c>
      <c r="M2" s="109"/>
      <c r="N2" s="109"/>
      <c r="O2" s="120" t="s">
        <v>45</v>
      </c>
      <c r="P2" s="120"/>
      <c r="Q2" s="122" t="s">
        <v>54</v>
      </c>
      <c r="R2" s="122"/>
      <c r="S2" s="103" t="s">
        <v>40</v>
      </c>
      <c r="T2" s="107" t="s">
        <v>39</v>
      </c>
      <c r="U2" s="123" t="s">
        <v>53</v>
      </c>
      <c r="V2" s="124"/>
      <c r="W2" s="124"/>
      <c r="X2" s="124"/>
    </row>
    <row r="3" spans="1:26" s="98" customFormat="1" ht="35.1" customHeight="1" x14ac:dyDescent="0.25">
      <c r="A3" s="101"/>
      <c r="B3" s="125" t="s">
        <v>52</v>
      </c>
      <c r="C3" s="126"/>
      <c r="D3" s="126"/>
      <c r="E3" s="120" t="s">
        <v>45</v>
      </c>
      <c r="F3" s="120"/>
      <c r="G3" s="120" t="s">
        <v>44</v>
      </c>
      <c r="H3" s="120"/>
      <c r="I3" s="100" t="s">
        <v>51</v>
      </c>
      <c r="J3" s="102" t="s">
        <v>39</v>
      </c>
      <c r="K3" s="108"/>
      <c r="L3" s="129" t="s">
        <v>50</v>
      </c>
      <c r="M3" s="119"/>
      <c r="N3" s="119"/>
      <c r="O3" s="120" t="s">
        <v>49</v>
      </c>
      <c r="P3" s="120"/>
      <c r="Q3" s="127" t="s">
        <v>48</v>
      </c>
      <c r="R3" s="127"/>
      <c r="S3" s="103" t="s">
        <v>47</v>
      </c>
      <c r="T3" s="107" t="s">
        <v>39</v>
      </c>
      <c r="U3" s="123"/>
      <c r="V3" s="124"/>
      <c r="W3" s="124"/>
      <c r="X3" s="124"/>
    </row>
    <row r="4" spans="1:26" s="98" customFormat="1" ht="35.1" customHeight="1" x14ac:dyDescent="0.25">
      <c r="A4" s="101"/>
      <c r="B4" s="106" t="s">
        <v>46</v>
      </c>
      <c r="C4" s="105"/>
      <c r="D4" s="104"/>
      <c r="E4" s="120" t="s">
        <v>45</v>
      </c>
      <c r="F4" s="120"/>
      <c r="G4" s="127" t="s">
        <v>44</v>
      </c>
      <c r="H4" s="127"/>
      <c r="I4" s="103" t="s">
        <v>40</v>
      </c>
      <c r="J4" s="102" t="s">
        <v>39</v>
      </c>
      <c r="K4" s="101"/>
      <c r="L4" s="128" t="s">
        <v>43</v>
      </c>
      <c r="M4" s="126"/>
      <c r="N4" s="126"/>
      <c r="O4" s="120" t="s">
        <v>42</v>
      </c>
      <c r="P4" s="120"/>
      <c r="Q4" s="122" t="s">
        <v>41</v>
      </c>
      <c r="R4" s="122"/>
      <c r="S4" s="100" t="s">
        <v>40</v>
      </c>
      <c r="T4" s="99" t="s">
        <v>39</v>
      </c>
      <c r="U4" s="123"/>
      <c r="V4" s="124"/>
      <c r="W4" s="124"/>
      <c r="X4" s="124"/>
    </row>
    <row r="5" spans="1:26" ht="37.5" customHeight="1" thickBot="1" x14ac:dyDescent="0.3">
      <c r="A5" s="95"/>
      <c r="B5" s="113" t="s">
        <v>38</v>
      </c>
      <c r="D5" s="95"/>
      <c r="E5" s="95"/>
      <c r="F5" s="95"/>
      <c r="G5" s="95"/>
      <c r="H5" s="95"/>
      <c r="I5" s="95"/>
      <c r="J5" s="97" t="s">
        <v>37</v>
      </c>
      <c r="K5" s="95"/>
      <c r="L5" s="97"/>
      <c r="M5" s="96"/>
      <c r="O5" s="95"/>
      <c r="P5" s="94"/>
      <c r="Q5" s="94"/>
      <c r="R5" s="94"/>
      <c r="S5" s="94"/>
      <c r="T5" s="94"/>
      <c r="U5" s="94"/>
      <c r="V5" s="94"/>
      <c r="W5" s="94"/>
    </row>
    <row r="6" spans="1:26" s="90" customFormat="1" ht="39.950000000000003" customHeight="1" thickBot="1" x14ac:dyDescent="0.3">
      <c r="A6" s="60" t="s">
        <v>36</v>
      </c>
      <c r="B6" s="93"/>
      <c r="C6" s="130" t="s">
        <v>35</v>
      </c>
      <c r="D6" s="131"/>
      <c r="E6" s="132"/>
      <c r="F6" s="92"/>
      <c r="J6" s="92"/>
      <c r="K6" s="130" t="s">
        <v>34</v>
      </c>
      <c r="L6" s="131"/>
      <c r="M6" s="132"/>
      <c r="N6" s="92"/>
      <c r="R6" s="92"/>
      <c r="S6" s="130" t="s">
        <v>33</v>
      </c>
      <c r="T6" s="131"/>
      <c r="U6" s="132"/>
      <c r="V6" s="92"/>
      <c r="Y6" s="91"/>
    </row>
    <row r="7" spans="1:26" s="76" customFormat="1" ht="35.1" customHeight="1" x14ac:dyDescent="0.4">
      <c r="A7" s="88" t="s">
        <v>18</v>
      </c>
      <c r="B7" s="87" t="s">
        <v>17</v>
      </c>
      <c r="C7" s="89" t="s">
        <v>16</v>
      </c>
      <c r="D7" s="87" t="s">
        <v>15</v>
      </c>
      <c r="E7" s="87" t="s">
        <v>14</v>
      </c>
      <c r="F7" s="87" t="s">
        <v>32</v>
      </c>
      <c r="G7" s="86" t="s">
        <v>12</v>
      </c>
      <c r="I7" s="88" t="s">
        <v>18</v>
      </c>
      <c r="J7" s="87" t="s">
        <v>17</v>
      </c>
      <c r="K7" s="87" t="s">
        <v>16</v>
      </c>
      <c r="L7" s="87" t="s">
        <v>15</v>
      </c>
      <c r="M7" s="87" t="s">
        <v>14</v>
      </c>
      <c r="N7" s="87" t="s">
        <v>13</v>
      </c>
      <c r="O7" s="86" t="s">
        <v>12</v>
      </c>
      <c r="Q7" s="88" t="s">
        <v>18</v>
      </c>
      <c r="R7" s="87" t="s">
        <v>17</v>
      </c>
      <c r="S7" s="87" t="s">
        <v>16</v>
      </c>
      <c r="T7" s="87" t="s">
        <v>15</v>
      </c>
      <c r="U7" s="87" t="s">
        <v>14</v>
      </c>
      <c r="V7" s="87" t="s">
        <v>13</v>
      </c>
      <c r="W7" s="86" t="s">
        <v>12</v>
      </c>
      <c r="Y7" s="77"/>
    </row>
    <row r="8" spans="1:26" s="76" customFormat="1" ht="35.1" customHeight="1" x14ac:dyDescent="0.4">
      <c r="A8" s="83">
        <v>0</v>
      </c>
      <c r="B8" s="85">
        <v>0</v>
      </c>
      <c r="C8" s="76">
        <v>0</v>
      </c>
      <c r="D8" s="76">
        <v>1</v>
      </c>
      <c r="E8" s="76">
        <v>2</v>
      </c>
      <c r="F8" s="82">
        <v>3</v>
      </c>
      <c r="G8" s="84">
        <v>4</v>
      </c>
      <c r="I8" s="83">
        <v>0</v>
      </c>
      <c r="J8" s="80">
        <v>0</v>
      </c>
      <c r="K8" s="76">
        <v>0</v>
      </c>
      <c r="L8" s="76">
        <v>0</v>
      </c>
      <c r="M8" s="76">
        <v>0</v>
      </c>
      <c r="N8" s="82">
        <v>1</v>
      </c>
      <c r="O8" s="78">
        <v>2</v>
      </c>
      <c r="Q8" s="81">
        <v>0</v>
      </c>
      <c r="R8" s="80">
        <v>1</v>
      </c>
      <c r="S8" s="80">
        <v>2</v>
      </c>
      <c r="T8" s="76">
        <v>3</v>
      </c>
      <c r="U8" s="76">
        <v>4</v>
      </c>
      <c r="V8" s="79">
        <v>5</v>
      </c>
      <c r="W8" s="78">
        <v>6</v>
      </c>
      <c r="Y8" s="77"/>
    </row>
    <row r="9" spans="1:26" s="31" customFormat="1" ht="70.5" customHeight="1" x14ac:dyDescent="0.25">
      <c r="A9" s="36"/>
      <c r="B9" s="34"/>
      <c r="C9" s="33"/>
      <c r="D9" s="33"/>
      <c r="E9" s="33"/>
      <c r="F9" s="34" t="s">
        <v>4</v>
      </c>
      <c r="G9" s="41"/>
      <c r="I9" s="36"/>
      <c r="J9" s="34"/>
      <c r="K9" s="33"/>
      <c r="L9" s="33"/>
      <c r="M9" s="33"/>
      <c r="N9" s="42" t="s">
        <v>4</v>
      </c>
      <c r="O9" s="41"/>
      <c r="Q9" s="36"/>
      <c r="R9" s="34" t="s">
        <v>7</v>
      </c>
      <c r="S9" s="34" t="s">
        <v>4</v>
      </c>
      <c r="T9" s="33"/>
      <c r="U9" s="33"/>
      <c r="V9" s="42" t="s">
        <v>4</v>
      </c>
      <c r="W9" s="41"/>
      <c r="Z9" s="6"/>
    </row>
    <row r="10" spans="1:26" s="5" customFormat="1" ht="35.1" customHeight="1" x14ac:dyDescent="0.4">
      <c r="A10" s="48">
        <v>5</v>
      </c>
      <c r="B10" s="46">
        <v>6</v>
      </c>
      <c r="C10" s="66">
        <v>7</v>
      </c>
      <c r="D10" s="46">
        <v>8</v>
      </c>
      <c r="E10" s="46">
        <v>9</v>
      </c>
      <c r="F10" s="46">
        <v>10</v>
      </c>
      <c r="G10" s="38">
        <v>11</v>
      </c>
      <c r="I10" s="48">
        <v>3</v>
      </c>
      <c r="J10" s="75">
        <v>4</v>
      </c>
      <c r="K10" s="75">
        <v>5</v>
      </c>
      <c r="L10" s="75">
        <v>6</v>
      </c>
      <c r="M10" s="49">
        <v>7</v>
      </c>
      <c r="N10" s="46">
        <v>8</v>
      </c>
      <c r="O10" s="45">
        <v>9</v>
      </c>
      <c r="Q10" s="48">
        <v>7</v>
      </c>
      <c r="R10" s="46">
        <v>8</v>
      </c>
      <c r="S10" s="46">
        <v>9</v>
      </c>
      <c r="T10" s="46">
        <v>10</v>
      </c>
      <c r="U10" s="46">
        <v>11</v>
      </c>
      <c r="V10" s="46">
        <v>12</v>
      </c>
      <c r="W10" s="45">
        <v>13</v>
      </c>
      <c r="Y10" s="74"/>
    </row>
    <row r="11" spans="1:26" s="31" customFormat="1" ht="70.5" customHeight="1" x14ac:dyDescent="0.25">
      <c r="A11" s="35"/>
      <c r="B11" s="37" t="s">
        <v>7</v>
      </c>
      <c r="C11" s="37" t="s">
        <v>4</v>
      </c>
      <c r="D11" s="37" t="s">
        <v>6</v>
      </c>
      <c r="E11" s="37" t="s">
        <v>5</v>
      </c>
      <c r="F11" s="34" t="s">
        <v>4</v>
      </c>
      <c r="G11" s="41"/>
      <c r="I11" s="35"/>
      <c r="J11" s="44"/>
      <c r="K11" s="44"/>
      <c r="L11" s="44"/>
      <c r="M11" s="44"/>
      <c r="N11" s="42" t="s">
        <v>4</v>
      </c>
      <c r="O11" s="41"/>
      <c r="Q11" s="35"/>
      <c r="R11" s="37" t="s">
        <v>7</v>
      </c>
      <c r="S11" s="37" t="s">
        <v>4</v>
      </c>
      <c r="T11" s="37" t="s">
        <v>6</v>
      </c>
      <c r="U11" s="37" t="s">
        <v>5</v>
      </c>
      <c r="V11" s="37" t="s">
        <v>4</v>
      </c>
      <c r="W11" s="41"/>
    </row>
    <row r="12" spans="1:26" s="5" customFormat="1" ht="35.1" customHeight="1" x14ac:dyDescent="0.25">
      <c r="A12" s="48">
        <v>12</v>
      </c>
      <c r="B12" s="46">
        <v>13</v>
      </c>
      <c r="C12" s="66">
        <v>14</v>
      </c>
      <c r="D12" s="49">
        <v>15</v>
      </c>
      <c r="E12" s="49">
        <v>16</v>
      </c>
      <c r="F12" s="46">
        <v>17</v>
      </c>
      <c r="G12" s="38">
        <v>18</v>
      </c>
      <c r="I12" s="48">
        <v>10</v>
      </c>
      <c r="J12" s="46">
        <v>11</v>
      </c>
      <c r="K12" s="46">
        <v>12</v>
      </c>
      <c r="L12" s="46">
        <v>13</v>
      </c>
      <c r="M12" s="46">
        <v>14</v>
      </c>
      <c r="N12" s="46">
        <v>15</v>
      </c>
      <c r="O12" s="45">
        <v>16</v>
      </c>
      <c r="Q12" s="48">
        <v>14</v>
      </c>
      <c r="R12" s="46">
        <v>15</v>
      </c>
      <c r="S12" s="46">
        <v>16</v>
      </c>
      <c r="T12" s="49">
        <v>17</v>
      </c>
      <c r="U12" s="49">
        <v>18</v>
      </c>
      <c r="V12" s="46">
        <v>19</v>
      </c>
      <c r="W12" s="45">
        <v>20</v>
      </c>
    </row>
    <row r="13" spans="1:26" s="31" customFormat="1" ht="70.5" customHeight="1" x14ac:dyDescent="0.25">
      <c r="A13" s="35"/>
      <c r="B13" s="37" t="s">
        <v>7</v>
      </c>
      <c r="C13" s="42" t="s">
        <v>4</v>
      </c>
      <c r="D13" s="44" t="s">
        <v>10</v>
      </c>
      <c r="E13" s="44"/>
      <c r="F13" s="34" t="s">
        <v>4</v>
      </c>
      <c r="G13" s="41"/>
      <c r="I13" s="35"/>
      <c r="J13" s="37" t="s">
        <v>7</v>
      </c>
      <c r="K13" s="37" t="s">
        <v>4</v>
      </c>
      <c r="L13" s="37" t="s">
        <v>6</v>
      </c>
      <c r="M13" s="37" t="s">
        <v>5</v>
      </c>
      <c r="N13" s="42" t="s">
        <v>4</v>
      </c>
      <c r="O13" s="41"/>
      <c r="Q13" s="35"/>
      <c r="R13" s="37" t="s">
        <v>7</v>
      </c>
      <c r="S13" s="42" t="s">
        <v>4</v>
      </c>
      <c r="T13" s="44" t="s">
        <v>10</v>
      </c>
      <c r="U13" s="44"/>
      <c r="V13" s="42" t="s">
        <v>4</v>
      </c>
      <c r="W13" s="41"/>
    </row>
    <row r="14" spans="1:26" s="5" customFormat="1" ht="35.1" customHeight="1" x14ac:dyDescent="0.25">
      <c r="A14" s="48">
        <v>19</v>
      </c>
      <c r="B14" s="66">
        <v>20</v>
      </c>
      <c r="C14" s="66">
        <v>21</v>
      </c>
      <c r="D14" s="46">
        <v>22</v>
      </c>
      <c r="E14" s="46">
        <v>23</v>
      </c>
      <c r="F14" s="46">
        <v>24</v>
      </c>
      <c r="G14" s="38">
        <v>25</v>
      </c>
      <c r="I14" s="48">
        <v>17</v>
      </c>
      <c r="J14" s="46">
        <v>18</v>
      </c>
      <c r="K14" s="46">
        <v>19</v>
      </c>
      <c r="L14" s="49">
        <v>20</v>
      </c>
      <c r="M14" s="49">
        <v>21</v>
      </c>
      <c r="N14" s="46">
        <v>22</v>
      </c>
      <c r="O14" s="45">
        <v>23</v>
      </c>
      <c r="Q14" s="48">
        <v>21</v>
      </c>
      <c r="R14" s="46">
        <v>22</v>
      </c>
      <c r="S14" s="46">
        <v>23</v>
      </c>
      <c r="T14" s="46">
        <v>24</v>
      </c>
      <c r="U14" s="46">
        <v>25</v>
      </c>
      <c r="V14" s="46">
        <v>26</v>
      </c>
      <c r="W14" s="45">
        <v>27</v>
      </c>
    </row>
    <row r="15" spans="1:26" s="31" customFormat="1" ht="70.5" customHeight="1" x14ac:dyDescent="0.25">
      <c r="A15" s="35"/>
      <c r="B15" s="37" t="s">
        <v>7</v>
      </c>
      <c r="C15" s="37" t="s">
        <v>4</v>
      </c>
      <c r="D15" s="37" t="s">
        <v>6</v>
      </c>
      <c r="E15" s="37" t="s">
        <v>5</v>
      </c>
      <c r="F15" s="34" t="s">
        <v>4</v>
      </c>
      <c r="G15" s="41"/>
      <c r="I15" s="35"/>
      <c r="J15" s="37" t="s">
        <v>7</v>
      </c>
      <c r="K15" s="42" t="s">
        <v>4</v>
      </c>
      <c r="L15" s="44" t="s">
        <v>10</v>
      </c>
      <c r="M15" s="44"/>
      <c r="N15" s="42" t="s">
        <v>4</v>
      </c>
      <c r="O15" s="41"/>
      <c r="Q15" s="35"/>
      <c r="R15" s="37" t="s">
        <v>7</v>
      </c>
      <c r="S15" s="37" t="s">
        <v>4</v>
      </c>
      <c r="T15" s="37" t="s">
        <v>6</v>
      </c>
      <c r="U15" s="37" t="s">
        <v>5</v>
      </c>
      <c r="V15" s="42" t="s">
        <v>4</v>
      </c>
      <c r="W15" s="41"/>
    </row>
    <row r="16" spans="1:26" s="5" customFormat="1" ht="35.1" customHeight="1" x14ac:dyDescent="0.25">
      <c r="A16" s="40">
        <v>26</v>
      </c>
      <c r="B16" s="39">
        <v>27</v>
      </c>
      <c r="C16" s="39">
        <v>28</v>
      </c>
      <c r="D16" s="73">
        <v>29</v>
      </c>
      <c r="E16" s="27">
        <v>30</v>
      </c>
      <c r="F16" s="27">
        <v>0</v>
      </c>
      <c r="G16" s="38">
        <v>0</v>
      </c>
      <c r="I16" s="40">
        <v>24</v>
      </c>
      <c r="J16" s="39">
        <v>25</v>
      </c>
      <c r="K16" s="39">
        <v>26</v>
      </c>
      <c r="L16" s="39">
        <v>27</v>
      </c>
      <c r="M16" s="39">
        <v>28</v>
      </c>
      <c r="N16" s="39">
        <v>29</v>
      </c>
      <c r="O16" s="38">
        <v>30</v>
      </c>
      <c r="Q16" s="40">
        <v>28</v>
      </c>
      <c r="R16" s="27">
        <v>29</v>
      </c>
      <c r="S16" s="39">
        <v>30</v>
      </c>
      <c r="T16" s="27">
        <v>0</v>
      </c>
      <c r="U16" s="27">
        <v>0</v>
      </c>
      <c r="V16" s="27">
        <v>0</v>
      </c>
      <c r="W16" s="38">
        <v>0</v>
      </c>
    </row>
    <row r="17" spans="1:34" s="31" customFormat="1" ht="70.5" customHeight="1" x14ac:dyDescent="0.25">
      <c r="A17" s="35"/>
      <c r="B17" s="34" t="s">
        <v>7</v>
      </c>
      <c r="C17" s="34" t="s">
        <v>4</v>
      </c>
      <c r="D17" s="33"/>
      <c r="E17" s="33"/>
      <c r="F17" s="33"/>
      <c r="G17" s="32"/>
      <c r="I17" s="35"/>
      <c r="J17" s="34" t="s">
        <v>7</v>
      </c>
      <c r="K17" s="37" t="s">
        <v>4</v>
      </c>
      <c r="L17" s="34" t="s">
        <v>6</v>
      </c>
      <c r="M17" s="34" t="s">
        <v>5</v>
      </c>
      <c r="N17" s="34" t="s">
        <v>4</v>
      </c>
      <c r="O17" s="32"/>
      <c r="Q17" s="35"/>
      <c r="R17" s="33"/>
      <c r="S17" s="34" t="s">
        <v>4</v>
      </c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3</v>
      </c>
      <c r="D18" s="27"/>
      <c r="E18" s="27"/>
      <c r="F18" s="27"/>
      <c r="G18" s="26" t="s">
        <v>2</v>
      </c>
      <c r="I18" s="29">
        <v>31</v>
      </c>
      <c r="J18" s="27">
        <v>0</v>
      </c>
      <c r="K18" s="28" t="s">
        <v>3</v>
      </c>
      <c r="L18" s="27"/>
      <c r="M18" s="27"/>
      <c r="N18" s="27"/>
      <c r="O18" s="26" t="s">
        <v>2</v>
      </c>
      <c r="Q18" s="30">
        <v>0</v>
      </c>
      <c r="R18" s="27"/>
      <c r="S18" s="28" t="s">
        <v>3</v>
      </c>
      <c r="T18" s="27"/>
      <c r="U18" s="27"/>
      <c r="V18" s="27"/>
      <c r="W18" s="26" t="s">
        <v>2</v>
      </c>
    </row>
    <row r="19" spans="1:34" s="6" customFormat="1" ht="70.5" customHeight="1" thickBot="1" x14ac:dyDescent="0.3">
      <c r="A19" s="24"/>
      <c r="B19" s="23"/>
      <c r="C19" s="22" t="s">
        <v>1</v>
      </c>
      <c r="D19" s="21"/>
      <c r="E19" s="21"/>
      <c r="F19" s="21"/>
      <c r="G19" s="20"/>
      <c r="I19" s="24"/>
      <c r="J19" s="23"/>
      <c r="K19" s="22" t="s">
        <v>1</v>
      </c>
      <c r="L19" s="21"/>
      <c r="M19" s="21"/>
      <c r="N19" s="21"/>
      <c r="O19" s="20"/>
      <c r="Q19" s="24"/>
      <c r="R19" s="23"/>
      <c r="S19" s="22" t="s">
        <v>1</v>
      </c>
      <c r="T19" s="21"/>
      <c r="U19" s="21"/>
      <c r="V19" s="21"/>
      <c r="W19" s="20"/>
    </row>
    <row r="20" spans="1:34" s="7" customFormat="1" ht="99.95" customHeight="1" thickBot="1" x14ac:dyDescent="0.3">
      <c r="B20" s="62"/>
      <c r="C20" s="62"/>
      <c r="D20" s="62"/>
      <c r="E20" s="62"/>
      <c r="F20" s="62"/>
      <c r="G20" s="61"/>
      <c r="H20" s="62"/>
      <c r="I20" s="62"/>
      <c r="J20" s="62"/>
      <c r="K20" s="62"/>
      <c r="N20" s="62"/>
      <c r="O20" s="61"/>
      <c r="P20" s="62"/>
      <c r="Q20" s="62"/>
      <c r="R20" s="62"/>
      <c r="S20" s="62"/>
      <c r="T20" s="62"/>
      <c r="U20" s="62"/>
      <c r="V20" s="62"/>
      <c r="W20" s="61"/>
      <c r="Z20" s="133"/>
      <c r="AA20" s="133"/>
      <c r="AB20" s="133"/>
      <c r="AC20" s="133"/>
      <c r="AD20" s="133"/>
      <c r="AE20" s="133"/>
      <c r="AF20" s="133"/>
      <c r="AG20" s="133"/>
      <c r="AH20" s="133"/>
    </row>
    <row r="21" spans="1:34" s="56" customFormat="1" ht="39.950000000000003" customHeight="1" thickBot="1" x14ac:dyDescent="0.3">
      <c r="C21" s="134" t="s">
        <v>31</v>
      </c>
      <c r="D21" s="135"/>
      <c r="E21" s="136"/>
      <c r="G21" s="57"/>
      <c r="K21" s="137" t="s">
        <v>30</v>
      </c>
      <c r="L21" s="138"/>
      <c r="M21" s="139"/>
      <c r="O21" s="57"/>
      <c r="S21" s="137" t="s">
        <v>29</v>
      </c>
      <c r="T21" s="138"/>
      <c r="U21" s="139"/>
      <c r="W21" s="57"/>
    </row>
    <row r="22" spans="1:34" s="5" customFormat="1" ht="35.1" customHeight="1" x14ac:dyDescent="0.25">
      <c r="A22" s="55" t="s">
        <v>18</v>
      </c>
      <c r="B22" s="53" t="s">
        <v>17</v>
      </c>
      <c r="C22" s="53" t="s">
        <v>16</v>
      </c>
      <c r="D22" s="53" t="s">
        <v>15</v>
      </c>
      <c r="E22" s="53" t="s">
        <v>14</v>
      </c>
      <c r="F22" s="53" t="s">
        <v>13</v>
      </c>
      <c r="G22" s="52" t="s">
        <v>12</v>
      </c>
      <c r="I22" s="55" t="s">
        <v>18</v>
      </c>
      <c r="J22" s="72" t="s">
        <v>17</v>
      </c>
      <c r="K22" s="53" t="s">
        <v>16</v>
      </c>
      <c r="L22" s="53" t="s">
        <v>15</v>
      </c>
      <c r="M22" s="53" t="s">
        <v>14</v>
      </c>
      <c r="N22" s="53" t="s">
        <v>13</v>
      </c>
      <c r="O22" s="52" t="s">
        <v>12</v>
      </c>
      <c r="Q22" s="55" t="s">
        <v>18</v>
      </c>
      <c r="R22" s="53" t="s">
        <v>17</v>
      </c>
      <c r="S22" s="53" t="s">
        <v>16</v>
      </c>
      <c r="T22" s="53" t="s">
        <v>28</v>
      </c>
      <c r="U22" s="53" t="s">
        <v>14</v>
      </c>
      <c r="V22" s="53" t="s">
        <v>13</v>
      </c>
      <c r="W22" s="52" t="s">
        <v>12</v>
      </c>
    </row>
    <row r="23" spans="1:34" s="5" customFormat="1" ht="35.1" customHeight="1" x14ac:dyDescent="0.25">
      <c r="A23" s="40">
        <v>0</v>
      </c>
      <c r="B23" s="39">
        <v>0</v>
      </c>
      <c r="C23" s="27">
        <v>0</v>
      </c>
      <c r="D23" s="27">
        <v>1</v>
      </c>
      <c r="E23" s="27">
        <v>2</v>
      </c>
      <c r="F23" s="66">
        <v>3</v>
      </c>
      <c r="G23" s="38">
        <v>4</v>
      </c>
      <c r="I23" s="40">
        <v>0</v>
      </c>
      <c r="J23" s="39">
        <v>0</v>
      </c>
      <c r="K23" s="27">
        <v>0</v>
      </c>
      <c r="L23" s="27">
        <v>0</v>
      </c>
      <c r="M23" s="27">
        <v>0</v>
      </c>
      <c r="N23" s="68">
        <v>0</v>
      </c>
      <c r="O23" s="38">
        <v>1</v>
      </c>
      <c r="Q23" s="40">
        <v>0</v>
      </c>
      <c r="R23" s="39">
        <v>0</v>
      </c>
      <c r="S23" s="39">
        <v>1</v>
      </c>
      <c r="T23" s="27">
        <v>2</v>
      </c>
      <c r="U23" s="27">
        <v>3</v>
      </c>
      <c r="V23" s="66">
        <v>4</v>
      </c>
      <c r="W23" s="38">
        <v>5</v>
      </c>
    </row>
    <row r="24" spans="1:34" s="31" customFormat="1" ht="70.5" customHeight="1" x14ac:dyDescent="0.25">
      <c r="A24" s="36"/>
      <c r="B24" s="34"/>
      <c r="C24" s="33"/>
      <c r="D24" s="33"/>
      <c r="E24" s="33"/>
      <c r="F24" s="34" t="s">
        <v>4</v>
      </c>
      <c r="G24" s="41"/>
      <c r="I24" s="36"/>
      <c r="J24" s="34"/>
      <c r="K24" s="33"/>
      <c r="L24" s="33"/>
      <c r="M24" s="33"/>
      <c r="N24" s="50"/>
      <c r="O24" s="41"/>
      <c r="Q24" s="36"/>
      <c r="R24" s="34"/>
      <c r="S24" s="34" t="s">
        <v>4</v>
      </c>
      <c r="T24" s="33"/>
      <c r="U24" s="33"/>
      <c r="V24" s="42" t="s">
        <v>4</v>
      </c>
      <c r="W24" s="41"/>
    </row>
    <row r="25" spans="1:34" s="5" customFormat="1" ht="35.1" customHeight="1" x14ac:dyDescent="0.25">
      <c r="A25" s="48">
        <v>5</v>
      </c>
      <c r="B25" s="46">
        <v>6</v>
      </c>
      <c r="C25" s="46">
        <v>7</v>
      </c>
      <c r="D25" s="46">
        <v>8</v>
      </c>
      <c r="E25" s="46">
        <v>9</v>
      </c>
      <c r="F25" s="46">
        <v>10</v>
      </c>
      <c r="G25" s="45">
        <v>11</v>
      </c>
      <c r="I25" s="48">
        <v>2</v>
      </c>
      <c r="J25" s="46">
        <v>3</v>
      </c>
      <c r="K25" s="46">
        <v>4</v>
      </c>
      <c r="L25" s="49">
        <v>5</v>
      </c>
      <c r="M25" s="49">
        <v>6</v>
      </c>
      <c r="N25" s="46">
        <v>7</v>
      </c>
      <c r="O25" s="45">
        <v>8</v>
      </c>
      <c r="Q25" s="48">
        <v>6</v>
      </c>
      <c r="R25" s="46">
        <v>7</v>
      </c>
      <c r="S25" s="46">
        <v>8</v>
      </c>
      <c r="T25" s="67">
        <v>9</v>
      </c>
      <c r="U25" s="46">
        <v>10</v>
      </c>
      <c r="V25" s="46">
        <v>11</v>
      </c>
      <c r="W25" s="45">
        <v>12</v>
      </c>
    </row>
    <row r="26" spans="1:34" s="31" customFormat="1" ht="70.5" customHeight="1" x14ac:dyDescent="0.25">
      <c r="A26" s="35"/>
      <c r="B26" s="37" t="s">
        <v>7</v>
      </c>
      <c r="C26" s="37" t="s">
        <v>4</v>
      </c>
      <c r="D26" s="37" t="s">
        <v>6</v>
      </c>
      <c r="E26" s="37" t="s">
        <v>5</v>
      </c>
      <c r="F26" s="42" t="s">
        <v>4</v>
      </c>
      <c r="G26" s="41"/>
      <c r="I26" s="35"/>
      <c r="J26" s="37" t="s">
        <v>7</v>
      </c>
      <c r="K26" s="42" t="s">
        <v>4</v>
      </c>
      <c r="L26" s="44"/>
      <c r="M26" s="44"/>
      <c r="N26" s="42" t="s">
        <v>4</v>
      </c>
      <c r="O26" s="41"/>
      <c r="Q26" s="35"/>
      <c r="R26" s="37" t="s">
        <v>7</v>
      </c>
      <c r="S26" s="37" t="s">
        <v>4</v>
      </c>
      <c r="T26" s="37" t="s">
        <v>6</v>
      </c>
      <c r="U26" s="37" t="s">
        <v>5</v>
      </c>
      <c r="V26" s="42" t="s">
        <v>4</v>
      </c>
      <c r="W26" s="41"/>
    </row>
    <row r="27" spans="1:34" s="5" customFormat="1" ht="35.1" customHeight="1" x14ac:dyDescent="0.25">
      <c r="A27" s="48">
        <v>12</v>
      </c>
      <c r="B27" s="46">
        <v>13</v>
      </c>
      <c r="C27" s="46">
        <v>14</v>
      </c>
      <c r="D27" s="49">
        <v>15</v>
      </c>
      <c r="E27" s="49">
        <v>16</v>
      </c>
      <c r="F27" s="46">
        <v>17</v>
      </c>
      <c r="G27" s="45">
        <v>18</v>
      </c>
      <c r="I27" s="48">
        <v>9</v>
      </c>
      <c r="J27" s="46">
        <v>10</v>
      </c>
      <c r="K27" s="47">
        <v>11</v>
      </c>
      <c r="L27" s="46">
        <v>12</v>
      </c>
      <c r="M27" s="46">
        <v>13</v>
      </c>
      <c r="N27" s="46">
        <v>14</v>
      </c>
      <c r="O27" s="45">
        <v>15</v>
      </c>
      <c r="Q27" s="48">
        <v>13</v>
      </c>
      <c r="R27" s="46">
        <v>14</v>
      </c>
      <c r="S27" s="46">
        <v>15</v>
      </c>
      <c r="T27" s="49">
        <v>16</v>
      </c>
      <c r="U27" s="49">
        <v>17</v>
      </c>
      <c r="V27" s="46">
        <v>18</v>
      </c>
      <c r="W27" s="45">
        <v>19</v>
      </c>
    </row>
    <row r="28" spans="1:34" s="31" customFormat="1" ht="70.5" customHeight="1" x14ac:dyDescent="0.25">
      <c r="A28" s="35"/>
      <c r="B28" s="37" t="s">
        <v>7</v>
      </c>
      <c r="C28" s="71" t="s">
        <v>4</v>
      </c>
      <c r="D28" s="44" t="s">
        <v>10</v>
      </c>
      <c r="E28" s="44"/>
      <c r="F28" s="42" t="s">
        <v>4</v>
      </c>
      <c r="G28" s="41"/>
      <c r="I28" s="35"/>
      <c r="J28" s="37" t="s">
        <v>7</v>
      </c>
      <c r="K28" s="43" t="s">
        <v>9</v>
      </c>
      <c r="L28" s="37" t="s">
        <v>6</v>
      </c>
      <c r="M28" s="37" t="s">
        <v>5</v>
      </c>
      <c r="N28" s="42" t="s">
        <v>4</v>
      </c>
      <c r="O28" s="41"/>
      <c r="Q28" s="35"/>
      <c r="R28" s="37" t="s">
        <v>7</v>
      </c>
      <c r="S28" s="42" t="s">
        <v>4</v>
      </c>
      <c r="T28" s="44" t="s">
        <v>10</v>
      </c>
      <c r="U28" s="44"/>
      <c r="V28" s="42" t="s">
        <v>4</v>
      </c>
      <c r="W28" s="41"/>
    </row>
    <row r="29" spans="1:34" s="5" customFormat="1" ht="35.1" customHeight="1" x14ac:dyDescent="0.25">
      <c r="A29" s="48">
        <v>19</v>
      </c>
      <c r="B29" s="47">
        <v>20</v>
      </c>
      <c r="C29" s="46">
        <v>21</v>
      </c>
      <c r="D29" s="46">
        <v>22</v>
      </c>
      <c r="E29" s="46">
        <v>23</v>
      </c>
      <c r="F29" s="46">
        <v>24</v>
      </c>
      <c r="G29" s="45">
        <v>25</v>
      </c>
      <c r="I29" s="48">
        <v>16</v>
      </c>
      <c r="J29" s="46">
        <v>17</v>
      </c>
      <c r="K29" s="46">
        <v>18</v>
      </c>
      <c r="L29" s="49">
        <v>19</v>
      </c>
      <c r="M29" s="49">
        <v>20</v>
      </c>
      <c r="N29" s="46">
        <v>21</v>
      </c>
      <c r="O29" s="45">
        <v>22</v>
      </c>
      <c r="Q29" s="48">
        <v>20</v>
      </c>
      <c r="R29" s="47">
        <v>21</v>
      </c>
      <c r="S29" s="47">
        <v>22</v>
      </c>
      <c r="T29" s="47">
        <v>23</v>
      </c>
      <c r="U29" s="46">
        <v>24</v>
      </c>
      <c r="V29" s="46">
        <v>25</v>
      </c>
      <c r="W29" s="45">
        <v>26</v>
      </c>
    </row>
    <row r="30" spans="1:34" s="31" customFormat="1" ht="70.5" customHeight="1" x14ac:dyDescent="0.25">
      <c r="A30" s="35"/>
      <c r="B30" s="43" t="s">
        <v>8</v>
      </c>
      <c r="C30" s="37" t="s">
        <v>4</v>
      </c>
      <c r="D30" s="37" t="s">
        <v>6</v>
      </c>
      <c r="E30" s="37" t="s">
        <v>5</v>
      </c>
      <c r="F30" s="42" t="s">
        <v>4</v>
      </c>
      <c r="G30" s="41"/>
      <c r="I30" s="35"/>
      <c r="J30" s="37" t="s">
        <v>7</v>
      </c>
      <c r="K30" s="42" t="s">
        <v>4</v>
      </c>
      <c r="L30" s="44" t="s">
        <v>10</v>
      </c>
      <c r="M30" s="44"/>
      <c r="N30" s="42" t="s">
        <v>4</v>
      </c>
      <c r="O30" s="41"/>
      <c r="Q30" s="35"/>
      <c r="R30" s="43" t="s">
        <v>8</v>
      </c>
      <c r="S30" s="43" t="s">
        <v>9</v>
      </c>
      <c r="T30" s="43" t="s">
        <v>27</v>
      </c>
      <c r="U30" s="37" t="s">
        <v>5</v>
      </c>
      <c r="V30" s="37" t="s">
        <v>4</v>
      </c>
      <c r="W30" s="41"/>
    </row>
    <row r="31" spans="1:34" s="5" customFormat="1" ht="35.1" customHeight="1" x14ac:dyDescent="0.25">
      <c r="A31" s="40">
        <v>26</v>
      </c>
      <c r="B31" s="39">
        <v>27</v>
      </c>
      <c r="C31" s="39">
        <v>28</v>
      </c>
      <c r="D31" s="27">
        <v>29</v>
      </c>
      <c r="E31" s="27">
        <v>30</v>
      </c>
      <c r="F31" s="39">
        <v>31</v>
      </c>
      <c r="G31" s="38">
        <v>0</v>
      </c>
      <c r="I31" s="40">
        <v>23</v>
      </c>
      <c r="J31" s="39">
        <v>24</v>
      </c>
      <c r="K31" s="39">
        <v>25</v>
      </c>
      <c r="L31" s="39">
        <v>26</v>
      </c>
      <c r="M31" s="39">
        <v>27</v>
      </c>
      <c r="N31" s="39">
        <v>28</v>
      </c>
      <c r="O31" s="26">
        <v>29</v>
      </c>
      <c r="Q31" s="40">
        <v>27</v>
      </c>
      <c r="R31" s="39">
        <v>28</v>
      </c>
      <c r="S31" s="39">
        <v>29</v>
      </c>
      <c r="T31" s="27">
        <v>30</v>
      </c>
      <c r="U31" s="27">
        <v>0</v>
      </c>
      <c r="V31" s="27">
        <v>0</v>
      </c>
      <c r="W31" s="38">
        <v>0</v>
      </c>
    </row>
    <row r="32" spans="1:34" s="31" customFormat="1" ht="70.5" customHeight="1" x14ac:dyDescent="0.25">
      <c r="A32" s="35"/>
      <c r="B32" s="34" t="s">
        <v>7</v>
      </c>
      <c r="C32" s="37" t="s">
        <v>4</v>
      </c>
      <c r="D32" s="33"/>
      <c r="E32" s="33"/>
      <c r="F32" s="34" t="s">
        <v>4</v>
      </c>
      <c r="G32" s="32"/>
      <c r="I32" s="35"/>
      <c r="J32" s="34" t="s">
        <v>7</v>
      </c>
      <c r="K32" s="37" t="s">
        <v>4</v>
      </c>
      <c r="L32" s="34" t="s">
        <v>6</v>
      </c>
      <c r="M32" s="34" t="s">
        <v>5</v>
      </c>
      <c r="N32" s="34" t="s">
        <v>4</v>
      </c>
      <c r="O32" s="32"/>
      <c r="Q32" s="35"/>
      <c r="R32" s="37" t="s">
        <v>7</v>
      </c>
      <c r="S32" s="34" t="s">
        <v>4</v>
      </c>
      <c r="T32" s="33"/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3</v>
      </c>
      <c r="D33" s="27"/>
      <c r="E33" s="27"/>
      <c r="F33" s="27"/>
      <c r="G33" s="26" t="s">
        <v>2</v>
      </c>
      <c r="I33" s="29">
        <v>30</v>
      </c>
      <c r="J33" s="27">
        <v>31</v>
      </c>
      <c r="K33" s="28" t="s">
        <v>3</v>
      </c>
      <c r="L33" s="27"/>
      <c r="M33" s="27"/>
      <c r="N33" s="27"/>
      <c r="O33" s="26" t="s">
        <v>2</v>
      </c>
      <c r="Q33" s="29">
        <v>0</v>
      </c>
      <c r="R33" s="27"/>
      <c r="S33" s="28" t="s">
        <v>3</v>
      </c>
      <c r="T33" s="27"/>
      <c r="U33" s="27"/>
      <c r="V33" s="27"/>
      <c r="W33" s="26" t="s">
        <v>2</v>
      </c>
    </row>
    <row r="34" spans="1:23" s="6" customFormat="1" ht="70.5" customHeight="1" thickBot="1" x14ac:dyDescent="0.3">
      <c r="A34" s="24"/>
      <c r="B34" s="23"/>
      <c r="C34" s="22" t="s">
        <v>1</v>
      </c>
      <c r="D34" s="21"/>
      <c r="E34" s="21"/>
      <c r="F34" s="21"/>
      <c r="G34" s="20"/>
      <c r="I34" s="24"/>
      <c r="J34" s="23"/>
      <c r="K34" s="22" t="s">
        <v>1</v>
      </c>
      <c r="L34" s="21"/>
      <c r="M34" s="21"/>
      <c r="N34" s="21"/>
      <c r="O34" s="20"/>
      <c r="Q34" s="24"/>
      <c r="R34" s="23"/>
      <c r="S34" s="22" t="s">
        <v>1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41" t="s">
        <v>0</v>
      </c>
      <c r="P35" s="141"/>
      <c r="Q35" s="141"/>
      <c r="R35" s="141"/>
      <c r="S35" s="141"/>
      <c r="T35" s="141"/>
      <c r="U35" s="141"/>
      <c r="V35" s="141"/>
      <c r="W35" s="10">
        <v>33</v>
      </c>
    </row>
    <row r="36" spans="1:23" s="56" customFormat="1" ht="39.950000000000003" customHeight="1" thickBot="1" x14ac:dyDescent="0.3">
      <c r="B36" s="58"/>
      <c r="C36" s="142" t="s">
        <v>26</v>
      </c>
      <c r="D36" s="143"/>
      <c r="E36" s="144"/>
      <c r="F36" s="58"/>
      <c r="G36" s="70"/>
      <c r="J36" s="58"/>
      <c r="K36" s="142" t="s">
        <v>25</v>
      </c>
      <c r="L36" s="143"/>
      <c r="M36" s="144"/>
      <c r="N36" s="58"/>
      <c r="O36" s="70"/>
      <c r="R36" s="58"/>
      <c r="S36" s="142" t="s">
        <v>24</v>
      </c>
      <c r="T36" s="143"/>
      <c r="U36" s="144"/>
      <c r="V36" s="58"/>
      <c r="W36" s="70"/>
    </row>
    <row r="37" spans="1:23" s="5" customFormat="1" ht="35.1" customHeight="1" x14ac:dyDescent="0.25">
      <c r="A37" s="55" t="s">
        <v>18</v>
      </c>
      <c r="B37" s="54" t="s">
        <v>17</v>
      </c>
      <c r="C37" s="54" t="s">
        <v>16</v>
      </c>
      <c r="D37" s="54" t="s">
        <v>15</v>
      </c>
      <c r="E37" s="54" t="s">
        <v>14</v>
      </c>
      <c r="F37" s="54" t="s">
        <v>13</v>
      </c>
      <c r="G37" s="52" t="s">
        <v>12</v>
      </c>
      <c r="I37" s="55" t="s">
        <v>18</v>
      </c>
      <c r="J37" s="54" t="s">
        <v>17</v>
      </c>
      <c r="K37" s="54" t="s">
        <v>16</v>
      </c>
      <c r="L37" s="54" t="s">
        <v>15</v>
      </c>
      <c r="M37" s="54" t="s">
        <v>14</v>
      </c>
      <c r="N37" s="54" t="s">
        <v>13</v>
      </c>
      <c r="O37" s="52" t="s">
        <v>12</v>
      </c>
      <c r="Q37" s="55" t="s">
        <v>18</v>
      </c>
      <c r="R37" s="54" t="s">
        <v>17</v>
      </c>
      <c r="S37" s="54" t="s">
        <v>16</v>
      </c>
      <c r="T37" s="54" t="s">
        <v>15</v>
      </c>
      <c r="U37" s="54" t="s">
        <v>14</v>
      </c>
      <c r="V37" s="54" t="s">
        <v>13</v>
      </c>
      <c r="W37" s="52" t="s">
        <v>12</v>
      </c>
    </row>
    <row r="38" spans="1:23" s="5" customFormat="1" ht="34.5" customHeight="1" x14ac:dyDescent="0.25">
      <c r="A38" s="40">
        <v>0</v>
      </c>
      <c r="B38" s="39">
        <v>0</v>
      </c>
      <c r="C38" s="27">
        <v>0</v>
      </c>
      <c r="D38" s="27">
        <v>0</v>
      </c>
      <c r="E38" s="27">
        <v>1</v>
      </c>
      <c r="F38" s="39">
        <v>2</v>
      </c>
      <c r="G38" s="45">
        <v>3</v>
      </c>
      <c r="I38" s="40">
        <v>1</v>
      </c>
      <c r="J38" s="39">
        <v>2</v>
      </c>
      <c r="K38" s="69">
        <v>3</v>
      </c>
      <c r="L38" s="27">
        <v>4</v>
      </c>
      <c r="M38" s="27">
        <v>5</v>
      </c>
      <c r="N38" s="39">
        <v>6</v>
      </c>
      <c r="O38" s="45">
        <v>7</v>
      </c>
      <c r="Q38" s="40">
        <v>0</v>
      </c>
      <c r="R38" s="39">
        <v>0</v>
      </c>
      <c r="S38" s="39">
        <v>1</v>
      </c>
      <c r="T38" s="27">
        <v>2</v>
      </c>
      <c r="U38" s="27">
        <v>3</v>
      </c>
      <c r="V38" s="66">
        <v>4</v>
      </c>
      <c r="W38" s="38">
        <v>5</v>
      </c>
    </row>
    <row r="39" spans="1:23" s="31" customFormat="1" ht="70.5" customHeight="1" x14ac:dyDescent="0.25">
      <c r="A39" s="36"/>
      <c r="B39" s="34"/>
      <c r="C39" s="33"/>
      <c r="D39" s="33"/>
      <c r="E39" s="33"/>
      <c r="F39" s="42" t="s">
        <v>4</v>
      </c>
      <c r="G39" s="41"/>
      <c r="I39" s="36"/>
      <c r="J39" s="34" t="s">
        <v>7</v>
      </c>
      <c r="K39" s="64" t="s">
        <v>9</v>
      </c>
      <c r="L39" s="33"/>
      <c r="M39" s="33"/>
      <c r="N39" s="42" t="s">
        <v>4</v>
      </c>
      <c r="O39" s="41"/>
      <c r="Q39" s="36"/>
      <c r="R39" s="34"/>
      <c r="S39" s="34" t="s">
        <v>4</v>
      </c>
      <c r="T39" s="33"/>
      <c r="U39" s="33"/>
      <c r="V39" s="42" t="s">
        <v>4</v>
      </c>
      <c r="W39" s="32"/>
    </row>
    <row r="40" spans="1:23" s="5" customFormat="1" ht="35.1" customHeight="1" x14ac:dyDescent="0.25">
      <c r="A40" s="48">
        <v>4</v>
      </c>
      <c r="B40" s="46">
        <v>5</v>
      </c>
      <c r="C40" s="46">
        <v>6</v>
      </c>
      <c r="D40" s="49">
        <v>7</v>
      </c>
      <c r="E40" s="66">
        <v>8</v>
      </c>
      <c r="F40" s="67">
        <v>9</v>
      </c>
      <c r="G40" s="45">
        <v>10</v>
      </c>
      <c r="I40" s="48">
        <v>8</v>
      </c>
      <c r="J40" s="46">
        <v>9</v>
      </c>
      <c r="K40" s="46">
        <v>10</v>
      </c>
      <c r="L40" s="46">
        <v>11</v>
      </c>
      <c r="M40" s="46">
        <v>12</v>
      </c>
      <c r="N40" s="46">
        <v>13</v>
      </c>
      <c r="O40" s="45">
        <v>14</v>
      </c>
      <c r="Q40" s="48">
        <v>6</v>
      </c>
      <c r="R40" s="46">
        <v>7</v>
      </c>
      <c r="S40" s="46">
        <v>8</v>
      </c>
      <c r="T40" s="67">
        <v>9</v>
      </c>
      <c r="U40" s="46">
        <v>10</v>
      </c>
      <c r="V40" s="46">
        <v>11</v>
      </c>
      <c r="W40" s="45">
        <v>12</v>
      </c>
    </row>
    <row r="41" spans="1:23" s="31" customFormat="1" ht="70.5" customHeight="1" x14ac:dyDescent="0.25">
      <c r="A41" s="35"/>
      <c r="B41" s="37" t="s">
        <v>7</v>
      </c>
      <c r="C41" s="37" t="s">
        <v>4</v>
      </c>
      <c r="D41" s="44"/>
      <c r="E41" s="37" t="s">
        <v>5</v>
      </c>
      <c r="F41" s="42" t="s">
        <v>4</v>
      </c>
      <c r="G41" s="41"/>
      <c r="I41" s="35"/>
      <c r="J41" s="37" t="s">
        <v>7</v>
      </c>
      <c r="K41" s="42" t="s">
        <v>4</v>
      </c>
      <c r="L41" s="37" t="s">
        <v>6</v>
      </c>
      <c r="M41" s="37" t="s">
        <v>5</v>
      </c>
      <c r="N41" s="42" t="s">
        <v>4</v>
      </c>
      <c r="O41" s="41"/>
      <c r="Q41" s="35"/>
      <c r="R41" s="37" t="s">
        <v>7</v>
      </c>
      <c r="S41" s="37" t="s">
        <v>4</v>
      </c>
      <c r="T41" s="37" t="s">
        <v>6</v>
      </c>
      <c r="U41" s="37" t="s">
        <v>5</v>
      </c>
      <c r="V41" s="42" t="s">
        <v>4</v>
      </c>
      <c r="W41" s="41"/>
    </row>
    <row r="42" spans="1:23" s="5" customFormat="1" ht="35.1" customHeight="1" x14ac:dyDescent="0.25">
      <c r="A42" s="48">
        <v>11</v>
      </c>
      <c r="B42" s="47">
        <v>12</v>
      </c>
      <c r="C42" s="46">
        <v>13</v>
      </c>
      <c r="D42" s="46">
        <v>14</v>
      </c>
      <c r="E42" s="68">
        <v>15</v>
      </c>
      <c r="F42" s="46">
        <v>16</v>
      </c>
      <c r="G42" s="45">
        <v>17</v>
      </c>
      <c r="I42" s="48">
        <v>15</v>
      </c>
      <c r="J42" s="46">
        <v>16</v>
      </c>
      <c r="K42" s="67">
        <v>17</v>
      </c>
      <c r="L42" s="49">
        <v>18</v>
      </c>
      <c r="M42" s="49">
        <v>19</v>
      </c>
      <c r="N42" s="46">
        <v>20</v>
      </c>
      <c r="O42" s="45">
        <v>21</v>
      </c>
      <c r="Q42" s="48">
        <v>13</v>
      </c>
      <c r="R42" s="46">
        <v>14</v>
      </c>
      <c r="S42" s="46">
        <v>15</v>
      </c>
      <c r="T42" s="49">
        <v>16</v>
      </c>
      <c r="U42" s="49">
        <v>17</v>
      </c>
      <c r="V42" s="46">
        <v>18</v>
      </c>
      <c r="W42" s="45">
        <v>19</v>
      </c>
    </row>
    <row r="43" spans="1:23" s="31" customFormat="1" ht="70.5" customHeight="1" x14ac:dyDescent="0.25">
      <c r="A43" s="35"/>
      <c r="B43" s="43" t="s">
        <v>8</v>
      </c>
      <c r="C43" s="37" t="s">
        <v>4</v>
      </c>
      <c r="D43" s="37" t="s">
        <v>6</v>
      </c>
      <c r="E43" s="44"/>
      <c r="F43" s="42" t="s">
        <v>4</v>
      </c>
      <c r="G43" s="41"/>
      <c r="I43" s="35"/>
      <c r="J43" s="37" t="s">
        <v>7</v>
      </c>
      <c r="K43" s="37" t="s">
        <v>4</v>
      </c>
      <c r="L43" s="44" t="s">
        <v>10</v>
      </c>
      <c r="M43" s="44"/>
      <c r="N43" s="42" t="s">
        <v>4</v>
      </c>
      <c r="O43" s="41"/>
      <c r="Q43" s="35"/>
      <c r="R43" s="37" t="s">
        <v>7</v>
      </c>
      <c r="S43" s="42" t="s">
        <v>4</v>
      </c>
      <c r="T43" s="44" t="s">
        <v>10</v>
      </c>
      <c r="U43" s="44"/>
      <c r="V43" s="42" t="s">
        <v>4</v>
      </c>
      <c r="W43" s="41"/>
    </row>
    <row r="44" spans="1:23" s="5" customFormat="1" ht="35.1" customHeight="1" x14ac:dyDescent="0.25">
      <c r="A44" s="48">
        <v>18</v>
      </c>
      <c r="B44" s="46">
        <v>19</v>
      </c>
      <c r="C44" s="46">
        <v>20</v>
      </c>
      <c r="D44" s="49">
        <v>21</v>
      </c>
      <c r="E44" s="66">
        <v>22</v>
      </c>
      <c r="F44" s="46">
        <v>23</v>
      </c>
      <c r="G44" s="45">
        <v>24</v>
      </c>
      <c r="I44" s="48">
        <v>22</v>
      </c>
      <c r="J44" s="47">
        <v>23</v>
      </c>
      <c r="K44" s="46">
        <v>24</v>
      </c>
      <c r="L44" s="46">
        <v>25</v>
      </c>
      <c r="M44" s="46">
        <v>26</v>
      </c>
      <c r="N44" s="46">
        <v>27</v>
      </c>
      <c r="O44" s="45">
        <v>28</v>
      </c>
      <c r="Q44" s="48">
        <v>20</v>
      </c>
      <c r="R44" s="46">
        <v>21</v>
      </c>
      <c r="S44" s="46">
        <v>22</v>
      </c>
      <c r="T44" s="46">
        <v>23</v>
      </c>
      <c r="U44" s="46">
        <v>24</v>
      </c>
      <c r="V44" s="46">
        <v>25</v>
      </c>
      <c r="W44" s="45">
        <v>26</v>
      </c>
    </row>
    <row r="45" spans="1:23" s="31" customFormat="1" ht="70.5" customHeight="1" x14ac:dyDescent="0.25">
      <c r="A45" s="35"/>
      <c r="B45" s="37" t="s">
        <v>7</v>
      </c>
      <c r="C45" s="42" t="s">
        <v>4</v>
      </c>
      <c r="D45" s="44" t="s">
        <v>10</v>
      </c>
      <c r="E45" s="37" t="s">
        <v>5</v>
      </c>
      <c r="F45" s="42" t="s">
        <v>4</v>
      </c>
      <c r="G45" s="41"/>
      <c r="I45" s="35"/>
      <c r="J45" s="43" t="s">
        <v>8</v>
      </c>
      <c r="K45" s="37" t="s">
        <v>4</v>
      </c>
      <c r="L45" s="42" t="s">
        <v>6</v>
      </c>
      <c r="M45" s="37" t="s">
        <v>5</v>
      </c>
      <c r="N45" s="42" t="s">
        <v>4</v>
      </c>
      <c r="O45" s="41"/>
      <c r="Q45" s="35"/>
      <c r="R45" s="37" t="s">
        <v>7</v>
      </c>
      <c r="S45" s="37" t="s">
        <v>4</v>
      </c>
      <c r="T45" s="37" t="s">
        <v>6</v>
      </c>
      <c r="U45" s="37" t="s">
        <v>5</v>
      </c>
      <c r="V45" s="37" t="s">
        <v>4</v>
      </c>
      <c r="W45" s="41"/>
    </row>
    <row r="46" spans="1:23" s="5" customFormat="1" ht="35.1" customHeight="1" x14ac:dyDescent="0.25">
      <c r="A46" s="40">
        <v>25</v>
      </c>
      <c r="B46" s="39">
        <v>26</v>
      </c>
      <c r="C46" s="39">
        <v>27</v>
      </c>
      <c r="D46" s="39">
        <v>28</v>
      </c>
      <c r="E46" s="27">
        <v>29</v>
      </c>
      <c r="F46" s="39">
        <v>30</v>
      </c>
      <c r="G46" s="38">
        <v>31</v>
      </c>
      <c r="I46" s="40">
        <v>29</v>
      </c>
      <c r="J46" s="27">
        <v>30</v>
      </c>
      <c r="K46" s="39">
        <v>0</v>
      </c>
      <c r="L46" s="27">
        <v>0</v>
      </c>
      <c r="M46" s="27">
        <v>0</v>
      </c>
      <c r="N46" s="27">
        <v>0</v>
      </c>
      <c r="O46" s="38">
        <v>0</v>
      </c>
      <c r="Q46" s="40">
        <v>27</v>
      </c>
      <c r="R46" s="39">
        <v>28</v>
      </c>
      <c r="S46" s="39">
        <v>29</v>
      </c>
      <c r="T46" s="27">
        <v>30</v>
      </c>
      <c r="U46" s="27">
        <v>31</v>
      </c>
      <c r="V46" s="27">
        <v>0</v>
      </c>
      <c r="W46" s="38">
        <v>0</v>
      </c>
    </row>
    <row r="47" spans="1:23" s="31" customFormat="1" ht="70.5" customHeight="1" x14ac:dyDescent="0.25">
      <c r="A47" s="35"/>
      <c r="B47" s="34" t="s">
        <v>7</v>
      </c>
      <c r="C47" s="37" t="s">
        <v>4</v>
      </c>
      <c r="D47" s="34" t="s">
        <v>6</v>
      </c>
      <c r="E47" s="33"/>
      <c r="F47" s="34" t="s">
        <v>4</v>
      </c>
      <c r="G47" s="32"/>
      <c r="I47" s="35"/>
      <c r="J47" s="33"/>
      <c r="K47" s="65"/>
      <c r="L47" s="33"/>
      <c r="M47" s="33"/>
      <c r="N47" s="33"/>
      <c r="O47" s="32"/>
      <c r="Q47" s="35"/>
      <c r="R47" s="34" t="s">
        <v>7</v>
      </c>
      <c r="S47" s="64" t="s">
        <v>9</v>
      </c>
      <c r="T47" s="33"/>
      <c r="U47" s="33"/>
      <c r="V47" s="63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3</v>
      </c>
      <c r="D48" s="27"/>
      <c r="E48" s="27"/>
      <c r="F48" s="27"/>
      <c r="G48" s="26" t="s">
        <v>2</v>
      </c>
      <c r="I48" s="30">
        <v>0</v>
      </c>
      <c r="J48" s="27"/>
      <c r="K48" s="28" t="s">
        <v>3</v>
      </c>
      <c r="L48" s="27"/>
      <c r="M48" s="27"/>
      <c r="N48" s="27"/>
      <c r="O48" s="26" t="s">
        <v>2</v>
      </c>
      <c r="Q48" s="29">
        <v>0</v>
      </c>
      <c r="R48" s="27">
        <v>0</v>
      </c>
      <c r="S48" s="28" t="s">
        <v>3</v>
      </c>
      <c r="T48" s="27"/>
      <c r="U48" s="27"/>
      <c r="V48" s="27"/>
      <c r="W48" s="26" t="s">
        <v>2</v>
      </c>
    </row>
    <row r="49" spans="1:23" s="6" customFormat="1" ht="70.5" customHeight="1" thickBot="1" x14ac:dyDescent="0.3">
      <c r="A49" s="24"/>
      <c r="B49" s="23"/>
      <c r="C49" s="22" t="s">
        <v>1</v>
      </c>
      <c r="D49" s="21"/>
      <c r="E49" s="21"/>
      <c r="F49" s="21"/>
      <c r="G49" s="20"/>
      <c r="I49" s="24"/>
      <c r="J49" s="23"/>
      <c r="K49" s="22" t="s">
        <v>1</v>
      </c>
      <c r="L49" s="21"/>
      <c r="M49" s="21"/>
      <c r="N49" s="21"/>
      <c r="O49" s="20"/>
      <c r="Q49" s="24"/>
      <c r="R49" s="23"/>
      <c r="S49" s="22" t="s">
        <v>1</v>
      </c>
      <c r="T49" s="21"/>
      <c r="U49" s="21"/>
      <c r="V49" s="21"/>
      <c r="W49" s="20"/>
    </row>
    <row r="50" spans="1:23" s="7" customFormat="1" ht="99.95" customHeight="1" thickBot="1" x14ac:dyDescent="0.3">
      <c r="B50" s="62"/>
      <c r="C50" s="62"/>
      <c r="D50" s="62"/>
      <c r="E50" s="62"/>
      <c r="F50" s="62"/>
      <c r="G50" s="61"/>
      <c r="H50" s="62"/>
      <c r="I50" s="62"/>
      <c r="J50" s="62"/>
      <c r="K50" s="62"/>
      <c r="N50" s="62"/>
      <c r="O50" s="61"/>
      <c r="P50" s="62"/>
      <c r="Q50" s="62"/>
      <c r="R50" s="62"/>
      <c r="S50" s="62"/>
      <c r="T50" s="62"/>
      <c r="U50" s="62"/>
      <c r="V50" s="62"/>
      <c r="W50" s="61"/>
    </row>
    <row r="51" spans="1:23" s="56" customFormat="1" ht="39.950000000000003" customHeight="1" thickBot="1" x14ac:dyDescent="0.3">
      <c r="A51" s="60" t="s">
        <v>23</v>
      </c>
      <c r="B51" s="59"/>
      <c r="C51" s="134" t="s">
        <v>22</v>
      </c>
      <c r="D51" s="135"/>
      <c r="E51" s="136"/>
      <c r="G51" s="57"/>
      <c r="J51" s="58"/>
      <c r="K51" s="134" t="s">
        <v>21</v>
      </c>
      <c r="L51" s="135"/>
      <c r="M51" s="136"/>
      <c r="O51" s="57"/>
      <c r="R51" s="58"/>
      <c r="S51" s="137" t="s">
        <v>20</v>
      </c>
      <c r="T51" s="138"/>
      <c r="U51" s="139"/>
      <c r="W51" s="57"/>
    </row>
    <row r="52" spans="1:23" s="5" customFormat="1" ht="35.1" customHeight="1" x14ac:dyDescent="0.25">
      <c r="A52" s="55" t="s">
        <v>18</v>
      </c>
      <c r="B52" s="53" t="s">
        <v>17</v>
      </c>
      <c r="C52" s="53" t="s">
        <v>16</v>
      </c>
      <c r="D52" s="53" t="s">
        <v>15</v>
      </c>
      <c r="E52" s="53" t="s">
        <v>14</v>
      </c>
      <c r="F52" s="53" t="s">
        <v>13</v>
      </c>
      <c r="G52" s="52" t="s">
        <v>12</v>
      </c>
      <c r="I52" s="55" t="s">
        <v>19</v>
      </c>
      <c r="J52" s="54" t="s">
        <v>17</v>
      </c>
      <c r="K52" s="53" t="s">
        <v>16</v>
      </c>
      <c r="L52" s="53" t="s">
        <v>15</v>
      </c>
      <c r="M52" s="53" t="s">
        <v>14</v>
      </c>
      <c r="N52" s="53" t="s">
        <v>13</v>
      </c>
      <c r="O52" s="52" t="s">
        <v>12</v>
      </c>
      <c r="Q52" s="55" t="s">
        <v>18</v>
      </c>
      <c r="R52" s="54" t="s">
        <v>17</v>
      </c>
      <c r="S52" s="53" t="s">
        <v>16</v>
      </c>
      <c r="T52" s="53" t="s">
        <v>15</v>
      </c>
      <c r="U52" s="53" t="s">
        <v>14</v>
      </c>
      <c r="V52" s="53" t="s">
        <v>13</v>
      </c>
      <c r="W52" s="52" t="s">
        <v>12</v>
      </c>
    </row>
    <row r="53" spans="1:23" s="5" customFormat="1" ht="35.1" customHeight="1" x14ac:dyDescent="0.25">
      <c r="A53" s="40">
        <v>0</v>
      </c>
      <c r="B53" s="39">
        <v>0</v>
      </c>
      <c r="C53" s="27">
        <v>0</v>
      </c>
      <c r="D53" s="27">
        <v>0</v>
      </c>
      <c r="E53" s="27">
        <v>0</v>
      </c>
      <c r="F53" s="51">
        <v>1</v>
      </c>
      <c r="G53" s="38">
        <v>2</v>
      </c>
      <c r="I53" s="40">
        <v>0</v>
      </c>
      <c r="J53" s="39">
        <v>1</v>
      </c>
      <c r="K53" s="39">
        <v>2</v>
      </c>
      <c r="L53" s="27">
        <v>3</v>
      </c>
      <c r="M53" s="27">
        <v>4</v>
      </c>
      <c r="N53" s="39">
        <v>5</v>
      </c>
      <c r="O53" s="45">
        <v>6</v>
      </c>
      <c r="Q53" s="40">
        <v>0</v>
      </c>
      <c r="R53" s="39">
        <v>1</v>
      </c>
      <c r="S53" s="39">
        <v>2</v>
      </c>
      <c r="T53" s="27">
        <v>3</v>
      </c>
      <c r="U53" s="27">
        <v>4</v>
      </c>
      <c r="V53" s="39">
        <v>5</v>
      </c>
      <c r="W53" s="45">
        <v>6</v>
      </c>
    </row>
    <row r="54" spans="1:23" s="31" customFormat="1" ht="70.5" customHeight="1" x14ac:dyDescent="0.25">
      <c r="A54" s="36"/>
      <c r="B54" s="34"/>
      <c r="C54" s="33"/>
      <c r="D54" s="33"/>
      <c r="E54" s="33"/>
      <c r="F54" s="50"/>
      <c r="G54" s="41"/>
      <c r="I54" s="36"/>
      <c r="J54" s="34" t="s">
        <v>7</v>
      </c>
      <c r="K54" s="34" t="s">
        <v>4</v>
      </c>
      <c r="L54" s="33"/>
      <c r="M54" s="33"/>
      <c r="N54" s="42" t="s">
        <v>4</v>
      </c>
      <c r="O54" s="41"/>
      <c r="Q54" s="36"/>
      <c r="R54" s="34" t="s">
        <v>7</v>
      </c>
      <c r="S54" s="34" t="s">
        <v>4</v>
      </c>
      <c r="T54" s="33"/>
      <c r="U54" s="33"/>
      <c r="V54" s="42" t="s">
        <v>4</v>
      </c>
      <c r="W54" s="41"/>
    </row>
    <row r="55" spans="1:23" s="5" customFormat="1" ht="35.1" customHeight="1" x14ac:dyDescent="0.25">
      <c r="A55" s="48">
        <v>3</v>
      </c>
      <c r="B55" s="46">
        <v>4</v>
      </c>
      <c r="C55" s="46">
        <v>5</v>
      </c>
      <c r="D55" s="49">
        <v>6</v>
      </c>
      <c r="E55" s="49">
        <v>7</v>
      </c>
      <c r="F55" s="46">
        <v>8</v>
      </c>
      <c r="G55" s="45">
        <v>9</v>
      </c>
      <c r="I55" s="48">
        <v>7</v>
      </c>
      <c r="J55" s="46">
        <v>8</v>
      </c>
      <c r="K55" s="46">
        <v>9</v>
      </c>
      <c r="L55" s="46">
        <v>10</v>
      </c>
      <c r="M55" s="47">
        <v>11</v>
      </c>
      <c r="N55" s="46">
        <v>12</v>
      </c>
      <c r="O55" s="45">
        <v>13</v>
      </c>
      <c r="Q55" s="48">
        <v>7</v>
      </c>
      <c r="R55" s="46">
        <v>8</v>
      </c>
      <c r="S55" s="46">
        <v>9</v>
      </c>
      <c r="T55" s="46">
        <v>10</v>
      </c>
      <c r="U55" s="46">
        <v>11</v>
      </c>
      <c r="V55" s="46">
        <v>12</v>
      </c>
      <c r="W55" s="45">
        <v>13</v>
      </c>
    </row>
    <row r="56" spans="1:23" s="31" customFormat="1" ht="70.5" customHeight="1" x14ac:dyDescent="0.25">
      <c r="A56" s="35"/>
      <c r="B56" s="37" t="s">
        <v>7</v>
      </c>
      <c r="C56" s="37" t="s">
        <v>4</v>
      </c>
      <c r="D56" s="44"/>
      <c r="E56" s="44"/>
      <c r="F56" s="42" t="s">
        <v>4</v>
      </c>
      <c r="G56" s="41"/>
      <c r="I56" s="35"/>
      <c r="J56" s="37" t="s">
        <v>7</v>
      </c>
      <c r="K56" s="37" t="s">
        <v>4</v>
      </c>
      <c r="L56" s="37" t="s">
        <v>6</v>
      </c>
      <c r="M56" s="43" t="s">
        <v>11</v>
      </c>
      <c r="N56" s="37" t="s">
        <v>4</v>
      </c>
      <c r="O56" s="41"/>
      <c r="Q56" s="35"/>
      <c r="R56" s="37" t="s">
        <v>7</v>
      </c>
      <c r="S56" s="37" t="s">
        <v>4</v>
      </c>
      <c r="T56" s="37" t="s">
        <v>6</v>
      </c>
      <c r="U56" s="37" t="s">
        <v>5</v>
      </c>
      <c r="V56" s="42" t="s">
        <v>4</v>
      </c>
      <c r="W56" s="41"/>
    </row>
    <row r="57" spans="1:23" s="5" customFormat="1" ht="35.1" customHeight="1" x14ac:dyDescent="0.25">
      <c r="A57" s="48">
        <v>10</v>
      </c>
      <c r="B57" s="47">
        <v>11</v>
      </c>
      <c r="C57" s="46">
        <v>12</v>
      </c>
      <c r="D57" s="46">
        <v>13</v>
      </c>
      <c r="E57" s="46">
        <v>14</v>
      </c>
      <c r="F57" s="46">
        <v>15</v>
      </c>
      <c r="G57" s="45">
        <v>16</v>
      </c>
      <c r="I57" s="48">
        <v>14</v>
      </c>
      <c r="J57" s="46">
        <v>15</v>
      </c>
      <c r="K57" s="46">
        <v>16</v>
      </c>
      <c r="L57" s="49">
        <v>17</v>
      </c>
      <c r="M57" s="49">
        <v>18</v>
      </c>
      <c r="N57" s="46">
        <v>19</v>
      </c>
      <c r="O57" s="45">
        <v>20</v>
      </c>
      <c r="Q57" s="48">
        <v>14</v>
      </c>
      <c r="R57" s="46">
        <v>15</v>
      </c>
      <c r="S57" s="46">
        <v>16</v>
      </c>
      <c r="T57" s="49">
        <v>17</v>
      </c>
      <c r="U57" s="49">
        <v>18</v>
      </c>
      <c r="V57" s="46">
        <v>19</v>
      </c>
      <c r="W57" s="45">
        <v>20</v>
      </c>
    </row>
    <row r="58" spans="1:23" s="31" customFormat="1" ht="70.5" customHeight="1" x14ac:dyDescent="0.25">
      <c r="A58" s="35"/>
      <c r="B58" s="43" t="s">
        <v>8</v>
      </c>
      <c r="C58" s="37" t="s">
        <v>4</v>
      </c>
      <c r="D58" s="37" t="s">
        <v>6</v>
      </c>
      <c r="E58" s="37" t="s">
        <v>5</v>
      </c>
      <c r="F58" s="42" t="s">
        <v>4</v>
      </c>
      <c r="G58" s="41"/>
      <c r="I58" s="35"/>
      <c r="J58" s="37" t="s">
        <v>7</v>
      </c>
      <c r="K58" s="42" t="s">
        <v>4</v>
      </c>
      <c r="L58" s="44" t="s">
        <v>10</v>
      </c>
      <c r="M58" s="44"/>
      <c r="N58" s="42" t="s">
        <v>4</v>
      </c>
      <c r="O58" s="41"/>
      <c r="Q58" s="35"/>
      <c r="R58" s="37" t="s">
        <v>7</v>
      </c>
      <c r="S58" s="42" t="s">
        <v>4</v>
      </c>
      <c r="T58" s="44" t="s">
        <v>10</v>
      </c>
      <c r="U58" s="44"/>
      <c r="V58" s="42" t="s">
        <v>4</v>
      </c>
      <c r="W58" s="41"/>
    </row>
    <row r="59" spans="1:23" s="5" customFormat="1" ht="35.1" customHeight="1" x14ac:dyDescent="0.25">
      <c r="A59" s="48">
        <v>17</v>
      </c>
      <c r="B59" s="46">
        <v>18</v>
      </c>
      <c r="C59" s="46">
        <v>19</v>
      </c>
      <c r="D59" s="49">
        <v>20</v>
      </c>
      <c r="E59" s="49">
        <v>21</v>
      </c>
      <c r="F59" s="46">
        <v>22</v>
      </c>
      <c r="G59" s="45">
        <v>23</v>
      </c>
      <c r="I59" s="48">
        <v>21</v>
      </c>
      <c r="J59" s="46">
        <v>22</v>
      </c>
      <c r="K59" s="47">
        <v>23</v>
      </c>
      <c r="L59" s="46">
        <v>24</v>
      </c>
      <c r="M59" s="46">
        <v>25</v>
      </c>
      <c r="N59" s="46">
        <v>26</v>
      </c>
      <c r="O59" s="45">
        <v>27</v>
      </c>
      <c r="Q59" s="48">
        <v>21</v>
      </c>
      <c r="R59" s="47">
        <v>22</v>
      </c>
      <c r="S59" s="46">
        <v>23</v>
      </c>
      <c r="T59" s="46">
        <v>24</v>
      </c>
      <c r="U59" s="46">
        <v>25</v>
      </c>
      <c r="V59" s="46">
        <v>26</v>
      </c>
      <c r="W59" s="45">
        <v>27</v>
      </c>
    </row>
    <row r="60" spans="1:23" s="31" customFormat="1" ht="70.5" customHeight="1" x14ac:dyDescent="0.25">
      <c r="A60" s="35"/>
      <c r="B60" s="37" t="s">
        <v>7</v>
      </c>
      <c r="C60" s="42" t="s">
        <v>4</v>
      </c>
      <c r="D60" s="44" t="s">
        <v>10</v>
      </c>
      <c r="E60" s="44"/>
      <c r="F60" s="42" t="s">
        <v>4</v>
      </c>
      <c r="G60" s="41"/>
      <c r="I60" s="35"/>
      <c r="J60" s="37" t="s">
        <v>7</v>
      </c>
      <c r="K60" s="43" t="s">
        <v>9</v>
      </c>
      <c r="L60" s="37" t="s">
        <v>6</v>
      </c>
      <c r="M60" s="37" t="s">
        <v>5</v>
      </c>
      <c r="N60" s="42" t="s">
        <v>4</v>
      </c>
      <c r="O60" s="41"/>
      <c r="Q60" s="35"/>
      <c r="R60" s="43" t="s">
        <v>8</v>
      </c>
      <c r="S60" s="37" t="s">
        <v>4</v>
      </c>
      <c r="T60" s="37" t="s">
        <v>6</v>
      </c>
      <c r="U60" s="37" t="s">
        <v>5</v>
      </c>
      <c r="V60" s="42" t="s">
        <v>4</v>
      </c>
      <c r="W60" s="41"/>
    </row>
    <row r="61" spans="1:23" s="5" customFormat="1" ht="35.1" customHeight="1" x14ac:dyDescent="0.25">
      <c r="A61" s="29">
        <v>24</v>
      </c>
      <c r="B61" s="39">
        <v>25</v>
      </c>
      <c r="C61" s="39">
        <v>26</v>
      </c>
      <c r="D61" s="39">
        <v>27</v>
      </c>
      <c r="E61" s="39">
        <v>28</v>
      </c>
      <c r="F61" s="39">
        <v>29</v>
      </c>
      <c r="G61" s="38">
        <v>30</v>
      </c>
      <c r="I61" s="40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8">
        <v>0</v>
      </c>
      <c r="Q61" s="40">
        <v>28</v>
      </c>
      <c r="R61" s="27">
        <v>29</v>
      </c>
      <c r="S61" s="39">
        <v>30</v>
      </c>
      <c r="T61" s="27">
        <v>31</v>
      </c>
      <c r="U61" s="27">
        <v>0</v>
      </c>
      <c r="V61" s="27">
        <v>0</v>
      </c>
      <c r="W61" s="38">
        <v>0</v>
      </c>
    </row>
    <row r="62" spans="1:23" s="31" customFormat="1" ht="70.5" customHeight="1" x14ac:dyDescent="0.25">
      <c r="A62" s="35"/>
      <c r="B62" s="34" t="s">
        <v>7</v>
      </c>
      <c r="C62" s="37" t="s">
        <v>4</v>
      </c>
      <c r="D62" s="34" t="s">
        <v>6</v>
      </c>
      <c r="E62" s="34" t="s">
        <v>5</v>
      </c>
      <c r="F62" s="34" t="s">
        <v>4</v>
      </c>
      <c r="G62" s="32"/>
      <c r="I62" s="36"/>
      <c r="J62" s="33"/>
      <c r="K62" s="33"/>
      <c r="L62" s="33"/>
      <c r="M62" s="33"/>
      <c r="N62" s="33"/>
      <c r="O62" s="32"/>
      <c r="Q62" s="35"/>
      <c r="R62" s="33"/>
      <c r="S62" s="34" t="s">
        <v>4</v>
      </c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3</v>
      </c>
      <c r="D63" s="27"/>
      <c r="E63" s="27"/>
      <c r="F63" s="27"/>
      <c r="G63" s="26" t="s">
        <v>2</v>
      </c>
      <c r="I63" s="30"/>
      <c r="J63" s="27"/>
      <c r="K63" s="28" t="s">
        <v>3</v>
      </c>
      <c r="L63" s="27"/>
      <c r="M63" s="27"/>
      <c r="N63" s="27"/>
      <c r="O63" s="26" t="s">
        <v>2</v>
      </c>
      <c r="Q63" s="29">
        <v>0</v>
      </c>
      <c r="R63" s="27">
        <v>0</v>
      </c>
      <c r="S63" s="28" t="s">
        <v>3</v>
      </c>
      <c r="T63" s="27"/>
      <c r="U63" s="27"/>
      <c r="V63" s="27"/>
      <c r="W63" s="26" t="s">
        <v>2</v>
      </c>
    </row>
    <row r="64" spans="1:23" s="6" customFormat="1" ht="70.5" customHeight="1" thickBot="1" x14ac:dyDescent="0.3">
      <c r="A64" s="24"/>
      <c r="B64" s="23"/>
      <c r="C64" s="22" t="s">
        <v>1</v>
      </c>
      <c r="D64" s="21"/>
      <c r="E64" s="21"/>
      <c r="F64" s="21"/>
      <c r="G64" s="20"/>
      <c r="H64" s="25"/>
      <c r="I64" s="24"/>
      <c r="J64" s="23"/>
      <c r="K64" s="22" t="s">
        <v>1</v>
      </c>
      <c r="L64" s="21"/>
      <c r="M64" s="21"/>
      <c r="N64" s="21"/>
      <c r="O64" s="20"/>
      <c r="P64" s="25"/>
      <c r="Q64" s="24"/>
      <c r="R64" s="23"/>
      <c r="S64" s="22" t="s">
        <v>1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40" t="s">
        <v>0</v>
      </c>
      <c r="P65" s="140"/>
      <c r="Q65" s="140"/>
      <c r="R65" s="140"/>
      <c r="S65" s="140"/>
      <c r="T65" s="140"/>
      <c r="U65" s="140"/>
      <c r="V65" s="140"/>
      <c r="W65" s="10">
        <v>33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O65:V65"/>
    <mergeCell ref="O35:V35"/>
    <mergeCell ref="C36:E36"/>
    <mergeCell ref="K36:M36"/>
    <mergeCell ref="S36:U36"/>
    <mergeCell ref="C51:E51"/>
    <mergeCell ref="K51:M51"/>
    <mergeCell ref="S51:U51"/>
    <mergeCell ref="S6:U6"/>
    <mergeCell ref="Z20:AH20"/>
    <mergeCell ref="C21:E21"/>
    <mergeCell ref="K21:M21"/>
    <mergeCell ref="S21:U21"/>
    <mergeCell ref="G3:H3"/>
    <mergeCell ref="L3:N3"/>
    <mergeCell ref="O3:P3"/>
    <mergeCell ref="Q3:R3"/>
    <mergeCell ref="C6:E6"/>
    <mergeCell ref="K6:M6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5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C17:D17 F17 J17 L17:N17 R17:V17 J19 R19 B32 D32:F32 J32 L32:N32 S32:V32 B34 J34 R34 B47 D47:F47 J47 L47:N47 R47:T47 V47 B49 J49 R49 B62 D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9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8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3</vt:lpstr>
      <vt:lpstr>'33'!Print_Area</vt:lpstr>
      <vt:lpstr>'33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1:39Z</cp:lastPrinted>
  <dcterms:created xsi:type="dcterms:W3CDTF">2025-12-02T03:01:34Z</dcterms:created>
  <dcterms:modified xsi:type="dcterms:W3CDTF">2025-12-02T07:41:42Z</dcterms:modified>
</cp:coreProperties>
</file>